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61-2024 Kontinuálny neinvazívny fotopletyzmografický monitor\03. Príprava\06. PTK II\01. Odoslané\"/>
    </mc:Choice>
  </mc:AlternateContent>
  <bookViews>
    <workbookView xWindow="-120" yWindow="-120" windowWidth="25440" windowHeight="15390"/>
  </bookViews>
  <sheets>
    <sheet name="PTK - Ponuka" sheetId="8" r:id="rId1"/>
  </sheets>
  <definedNames>
    <definedName name="_xlnm.Print_Area" localSheetId="0">'PTK - Ponuka'!$A$1:$F$13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7" uniqueCount="18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 xml:space="preserve">Požadované množstvo MJ za zmluvné obdobie </t>
  </si>
  <si>
    <t>Kontinuálny neinvazívny fotopletyzmografický monitor tlaku krvi a hemodynamických parametrov</t>
  </si>
  <si>
    <t>Položka č. 1 - Kontinuálny neinvazívny fotopletyzmografický monitor tlaku krvi a hemodynamických parametrov</t>
  </si>
  <si>
    <t>1.1</t>
  </si>
  <si>
    <t>1.2</t>
  </si>
  <si>
    <t>1.3</t>
  </si>
  <si>
    <t>1.4</t>
  </si>
  <si>
    <t>1.5</t>
  </si>
  <si>
    <t>1.6</t>
  </si>
  <si>
    <t>2.1</t>
  </si>
  <si>
    <t>2.2</t>
  </si>
  <si>
    <t>2.3</t>
  </si>
  <si>
    <t>3.1</t>
  </si>
  <si>
    <t>3.2</t>
  </si>
  <si>
    <t>3.3</t>
  </si>
  <si>
    <t>Parametre:</t>
  </si>
  <si>
    <t>Meranie a záznam  tlaku krvi  z prstovej manžety - kontinuálne, neinvazívne meranie na  fotopletyzmografickom princípe</t>
  </si>
  <si>
    <t xml:space="preserve">Meraniu a záznam tlaku krvi z ramennej manžety na oscilometrickom princípe, za účelom kalibrácie prstového tlaku krvi </t>
  </si>
  <si>
    <t>Kontinuálne meranie a záznam pulzovej frekvencie</t>
  </si>
  <si>
    <t>Kontinuálne meranie a záznam EKG</t>
  </si>
  <si>
    <t>Pokročilé monitorovanie a záznam hemodynamických parametrov  odvodených z neinvazívne kontinuálne meraného prstového tlaku krvi: CO, CI, SV, SI, SVR, SVRI</t>
  </si>
  <si>
    <t>Analýza a záznam senzitivity baroreflexu</t>
  </si>
  <si>
    <t>Hardware:</t>
  </si>
  <si>
    <t>Sada prstových manžiet s rozličnou veľkosťou</t>
  </si>
  <si>
    <t>Napájanie: z elektrickej siete</t>
  </si>
  <si>
    <t>Software:</t>
  </si>
  <si>
    <t>Software na analýzu a archiváciu výsledkov meraní</t>
  </si>
  <si>
    <t>Výstup vyšetrenia v tlačenej forme</t>
  </si>
  <si>
    <t>Priebežný update softwarových balíkov</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3195000-3 Systém monitorovania pacientov</t>
  </si>
  <si>
    <t>33195200-5 Centrálne monitorovacie stanice</t>
  </si>
  <si>
    <t>51410000-9 Inštalácia lekárskych zariadení</t>
  </si>
  <si>
    <t>Požaduje sa jednorazové dodanie nového, nepoužívaného a nerepasovaného prístroja.</t>
  </si>
  <si>
    <t>Požaduje sa uzatvorenie kúpnej zmluvy.</t>
  </si>
  <si>
    <t>Požaduje sa splnenie predmetu zákazky:</t>
  </si>
  <si>
    <t>2.1.</t>
  </si>
  <si>
    <t>do 30 kalendárnych dní odo dňa nadobudnutia účinnosti zmluvy,</t>
  </si>
  <si>
    <t>2.2.</t>
  </si>
  <si>
    <t>v pracovných dňoch v čase od 07:00 hod. do 14:30 hod.,</t>
  </si>
  <si>
    <t>2.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4.</t>
  </si>
  <si>
    <t>po predchádzajúcom preukázateľnom upovedomení Objednávateľa minimálne 5 pracovných dní vopred tak, aby Objednávateľ mohol poskynúť potrebnú súčinnosť pri dodaní,</t>
  </si>
  <si>
    <t>2.5.</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5.</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6.</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8.</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oprava vád a porúch prístroja, t. j. uvedenie prístroja do stavu plnej využiteľnosti vzhľadom k jeho technickým parametrom,</t>
  </si>
  <si>
    <t>8.2.</t>
  </si>
  <si>
    <t>dodávka a výmena všetkých potrebných náhradných dielov a súčiastok v prípade ich poruchy, ktoré sami o sebe majú kratšiu dobu životnosti, alebo kratšiu záručnú dobu, ako je záručná doba poskytovaná Dodávateľom,</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dodávky a zabudovanie náhradných dielov, ktoré sú potrebné k riadnej a bezporuchovej prevádzke prístroja, vrátane demontáže, odvozu a likvidácie použitého a nepotrebného spotrebného materiálu a náhradných dielov,</t>
  </si>
  <si>
    <t>8.5.</t>
  </si>
  <si>
    <t>vykonanie validácií a kalibrácií prístroja (resp. jeho relevantných častí) s periodicitou podľa odporúčania výrobcu prístroja, minimálne však jedenkrát ročne,</t>
  </si>
  <si>
    <t>8.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8.7.</t>
  </si>
  <si>
    <t>vykonanie ďalších servisných úkonov a činností predpísaných príslušnou právnou úpravou a aplikovateľnými normami,</t>
  </si>
  <si>
    <t>8.8.</t>
  </si>
  <si>
    <t>práce (servisné hodiny) a dojazdy servisných technikov Dodávateľa do miesta inštalácie prístroja v rámci zabezpečenia záručného servisu,</t>
  </si>
  <si>
    <t>8.9.</t>
  </si>
  <si>
    <t>vykonanie akýchkoľvek neplánovaných opráv a údržby, ktoré nevyplývajú zo servisného plánu výrobcu prístroja, ak takáto oprava je nevyhnutná za účelom zabezpečenia prevádzky prístroja, vrátane generálnej opravy,</t>
  </si>
  <si>
    <t>8.10.</t>
  </si>
  <si>
    <t>technická telefonická podpora a poradenstvo pri prevádzkovaní prístroja prostredníctvom klientského pracoviska Dodávateľa v pracovných dňoch, pričom Dodávateľ musí garantovať funkčnosť a prevádzku klientskeho pracoviska.</t>
  </si>
  <si>
    <t>9.</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9.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10.</t>
  </si>
  <si>
    <t>Dodávateľ je povinný počas trvania záručnej doby odstrániť vady v nasledujúcich lehotách od nástupu na opravu:</t>
  </si>
  <si>
    <t>10.1.</t>
  </si>
  <si>
    <t>oprava vady, pri ktorej nie je potrebná dodávka náhradného dielu najneskôr do 48 hodín,</t>
  </si>
  <si>
    <t>10.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11.</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1.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1.2.</t>
  </si>
  <si>
    <t>nedodržanie dohodnutých lehôt na odstránenie vady: 50,- € (slovom: päťdesiat EUR) za každú začatú hodinu omeškania, najviac však do výšky 5% kúpnej ceny prístroja, a to pre každý jednotlivý prípad omeškania Dodávateľa.</t>
  </si>
  <si>
    <t>12.</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3.</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14.</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15.</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16.</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17.</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8.</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9.</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20.</t>
  </si>
  <si>
    <t>21.</t>
  </si>
  <si>
    <t>V prípade, ak sa na predmet zákazky vykonala prípravná trhová konzultácia, informácie k prípravnej trhovej konzultácii verejný obstarávateľ zverejňuje na internetovej stránke: www.vusch.sk/verejne-obstaravanie/</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ované minimálne osobitné požiadavky na predmet zákazky a doklady:</t>
  </si>
  <si>
    <t>1.7</t>
  </si>
  <si>
    <t>1.8</t>
  </si>
  <si>
    <t>1.9</t>
  </si>
  <si>
    <t>1.10</t>
  </si>
  <si>
    <t>Zobrazenie  tlaku krvi a k pulzovej frekvencie na monitore prístroja v reálnom čase počas vyšetrenia formou číselnej hodnoty a súčasne formou krivky</t>
  </si>
  <si>
    <t>Možnosť guided testing – software umožňujúci „krok po kroku „ vykonávanie autonómnych testov za účelom ich  štandardnej a jednotnej realizácie rozličnými vyšetrujúcimi spôsobmi</t>
  </si>
  <si>
    <t>Možnosť pokročilých konfigurovateľných výstupov (správ) z výsledkov vyšetrení</t>
  </si>
  <si>
    <t>Software pre export a analýzu dát  mimo samotného prístroja – na externom počítači</t>
  </si>
  <si>
    <t>Konektivita: analógový vstup – minimálne 2x, analógový výstup minimálne 4x, USB, Etherne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FF00"/>
        <bgColor indexed="64"/>
      </patternFill>
    </fill>
  </fills>
  <borders count="4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dashed">
        <color auto="1"/>
      </top>
      <bottom style="thin">
        <color indexed="64"/>
      </bottom>
      <diagonal/>
    </border>
    <border>
      <left style="medium">
        <color auto="1"/>
      </left>
      <right style="thin">
        <color auto="1"/>
      </right>
      <top style="dashed">
        <color auto="1"/>
      </top>
      <bottom style="thin">
        <color auto="1"/>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medium">
        <color indexed="64"/>
      </right>
      <top style="thin">
        <color auto="1"/>
      </top>
      <bottom style="medium">
        <color indexed="64"/>
      </bottom>
      <diagonal/>
    </border>
    <border>
      <left style="medium">
        <color indexed="64"/>
      </left>
      <right style="thin">
        <color auto="1"/>
      </right>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6">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4" xfId="0" applyNumberFormat="1" applyFont="1" applyFill="1" applyBorder="1" applyAlignment="1" applyProtection="1">
      <alignment horizontal="center" vertical="center" wrapText="1"/>
    </xf>
    <xf numFmtId="49" fontId="2" fillId="0" borderId="20"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1"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49" fontId="2" fillId="6" borderId="8" xfId="0" applyNumberFormat="1" applyFont="1" applyFill="1" applyBorder="1" applyAlignment="1" applyProtection="1">
      <alignment horizontal="center" vertical="center" wrapText="1"/>
    </xf>
    <xf numFmtId="0" fontId="7" fillId="0" borderId="10" xfId="0" applyNumberFormat="1" applyFont="1" applyBorder="1" applyAlignment="1" applyProtection="1">
      <alignment horizontal="center" vertical="center" wrapText="1"/>
      <protection locked="0"/>
    </xf>
    <xf numFmtId="0" fontId="2" fillId="0" borderId="21" xfId="0" applyNumberFormat="1" applyFont="1" applyBorder="1" applyAlignment="1" applyProtection="1">
      <alignment horizontal="center" vertical="center" wrapText="1"/>
      <protection locked="0"/>
    </xf>
    <xf numFmtId="49" fontId="2" fillId="2" borderId="37" xfId="0" applyNumberFormat="1" applyFont="1" applyFill="1" applyBorder="1" applyAlignment="1" applyProtection="1">
      <alignment horizontal="center" vertical="center" wrapText="1"/>
      <protection locked="0"/>
    </xf>
    <xf numFmtId="49" fontId="4" fillId="2" borderId="37" xfId="0" applyNumberFormat="1" applyFont="1" applyFill="1" applyBorder="1" applyAlignment="1" applyProtection="1">
      <alignment horizontal="center" vertical="center" wrapText="1"/>
      <protection locked="0"/>
    </xf>
    <xf numFmtId="16"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20" xfId="0" applyNumberFormat="1" applyFont="1" applyBorder="1" applyAlignment="1" applyProtection="1">
      <alignment horizontal="center" vertical="center" wrapText="1"/>
    </xf>
    <xf numFmtId="0" fontId="4" fillId="0" borderId="5" xfId="0" applyFont="1" applyBorder="1" applyAlignment="1" applyProtection="1">
      <alignment vertical="center" wrapText="1"/>
    </xf>
    <xf numFmtId="49" fontId="2" fillId="6" borderId="28" xfId="0" applyNumberFormat="1" applyFont="1" applyFill="1" applyBorder="1" applyAlignment="1" applyProtection="1">
      <alignment horizontal="right" vertical="center" wrapText="1"/>
    </xf>
    <xf numFmtId="0" fontId="4" fillId="6" borderId="27" xfId="0" applyFont="1" applyFill="1" applyBorder="1" applyAlignment="1" applyProtection="1">
      <alignment vertical="center" wrapText="1"/>
    </xf>
    <xf numFmtId="49" fontId="2" fillId="6" borderId="24" xfId="0" applyNumberFormat="1" applyFont="1" applyFill="1" applyBorder="1" applyAlignment="1" applyProtection="1">
      <alignment horizontal="center" vertical="center" wrapText="1"/>
    </xf>
    <xf numFmtId="49" fontId="2" fillId="0" borderId="10" xfId="0" applyNumberFormat="1" applyFont="1" applyBorder="1" applyAlignment="1">
      <alignment horizontal="center" vertical="center"/>
    </xf>
    <xf numFmtId="49" fontId="2" fillId="0" borderId="10" xfId="0" applyNumberFormat="1" applyFont="1" applyBorder="1" applyAlignment="1">
      <alignment horizontal="right" vertical="center"/>
    </xf>
    <xf numFmtId="49" fontId="4" fillId="0" borderId="10" xfId="0" applyNumberFormat="1" applyFont="1" applyFill="1" applyBorder="1" applyAlignment="1">
      <alignment horizontal="left" vertical="center" wrapText="1"/>
    </xf>
    <xf numFmtId="0" fontId="4" fillId="0" borderId="29" xfId="0" applyFont="1" applyBorder="1" applyAlignment="1" applyProtection="1">
      <alignment vertical="center" wrapText="1"/>
    </xf>
    <xf numFmtId="0" fontId="4" fillId="0" borderId="23" xfId="0" applyFont="1" applyBorder="1" applyAlignment="1" applyProtection="1">
      <alignment vertical="center" wrapText="1"/>
    </xf>
    <xf numFmtId="0" fontId="2" fillId="0" borderId="18" xfId="0" applyNumberFormat="1" applyFont="1" applyBorder="1" applyAlignment="1" applyProtection="1">
      <alignment horizontal="center" vertical="center" wrapText="1"/>
      <protection locked="0"/>
    </xf>
    <xf numFmtId="0" fontId="2" fillId="6" borderId="18" xfId="0" applyFont="1" applyFill="1" applyBorder="1" applyAlignment="1" applyProtection="1">
      <alignment horizontal="left" vertical="top" wrapText="1"/>
    </xf>
    <xf numFmtId="49" fontId="2" fillId="0" borderId="24" xfId="0" applyNumberFormat="1" applyFont="1" applyFill="1" applyBorder="1" applyAlignment="1" applyProtection="1">
      <alignment horizontal="right" vertical="center" wrapText="1"/>
    </xf>
    <xf numFmtId="49" fontId="2" fillId="6" borderId="24" xfId="0" applyNumberFormat="1" applyFont="1" applyFill="1" applyBorder="1" applyAlignment="1" applyProtection="1">
      <alignment horizontal="right" vertical="center" wrapText="1"/>
    </xf>
    <xf numFmtId="49" fontId="2" fillId="6" borderId="8" xfId="0" applyNumberFormat="1" applyFont="1" applyFill="1" applyBorder="1" applyAlignment="1" applyProtection="1">
      <alignment horizontal="right" vertical="center" wrapText="1"/>
    </xf>
    <xf numFmtId="49" fontId="2" fillId="0" borderId="8" xfId="0" applyNumberFormat="1" applyFont="1" applyFill="1" applyBorder="1" applyAlignment="1" applyProtection="1">
      <alignment horizontal="right" vertical="center" wrapText="1"/>
    </xf>
    <xf numFmtId="49" fontId="2" fillId="6" borderId="28" xfId="0" applyNumberFormat="1" applyFont="1" applyFill="1" applyBorder="1" applyAlignment="1" applyProtection="1">
      <alignment horizontal="center" vertical="center" wrapText="1"/>
    </xf>
    <xf numFmtId="0" fontId="4" fillId="6" borderId="5" xfId="0" applyFont="1" applyFill="1" applyBorder="1" applyAlignment="1" applyProtection="1">
      <alignment vertical="center" wrapText="1"/>
    </xf>
    <xf numFmtId="49" fontId="2" fillId="6" borderId="41" xfId="0" applyNumberFormat="1" applyFont="1" applyFill="1" applyBorder="1" applyAlignment="1" applyProtection="1">
      <alignment horizontal="center" vertical="center" wrapText="1"/>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40" xfId="0"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5" fillId="2" borderId="35"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38" xfId="0" applyNumberFormat="1" applyFont="1" applyFill="1" applyBorder="1" applyAlignment="1" applyProtection="1">
      <alignment horizontal="center" vertical="center" wrapText="1"/>
      <protection locked="0"/>
    </xf>
    <xf numFmtId="49" fontId="4" fillId="2" borderId="39" xfId="0" applyNumberFormat="1" applyFont="1" applyFill="1" applyBorder="1" applyAlignment="1" applyProtection="1">
      <alignment horizontal="center"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34" xfId="0" applyNumberFormat="1" applyFont="1" applyFill="1" applyBorder="1" applyAlignment="1" applyProtection="1">
      <alignment horizontal="left" vertical="top" wrapText="1"/>
      <protection locked="0"/>
    </xf>
    <xf numFmtId="49" fontId="3" fillId="2" borderId="35" xfId="0" applyNumberFormat="1" applyFont="1" applyFill="1" applyBorder="1" applyAlignment="1" applyProtection="1">
      <alignment horizontal="left" vertical="top" wrapText="1"/>
      <protection locked="0"/>
    </xf>
    <xf numFmtId="49" fontId="3" fillId="2" borderId="36" xfId="0" applyNumberFormat="1" applyFont="1" applyFill="1" applyBorder="1" applyAlignment="1" applyProtection="1">
      <alignment horizontal="left" vertical="top" wrapText="1"/>
      <protection locked="0"/>
    </xf>
    <xf numFmtId="0" fontId="3" fillId="2" borderId="31" xfId="0" applyFont="1" applyFill="1" applyBorder="1" applyAlignment="1" applyProtection="1">
      <alignment horizontal="center" vertical="top" wrapText="1"/>
      <protection locked="0"/>
    </xf>
    <xf numFmtId="0" fontId="3" fillId="2" borderId="32" xfId="0" applyFont="1" applyFill="1" applyBorder="1" applyAlignment="1" applyProtection="1">
      <alignment horizontal="center" vertical="top" wrapText="1"/>
      <protection locked="0"/>
    </xf>
    <xf numFmtId="0" fontId="3" fillId="2" borderId="33" xfId="0" applyFont="1" applyFill="1" applyBorder="1" applyAlignment="1" applyProtection="1">
      <alignment horizontal="center" vertical="top" wrapText="1"/>
      <protection locked="0"/>
    </xf>
    <xf numFmtId="49" fontId="2" fillId="2" borderId="38" xfId="0" applyNumberFormat="1" applyFont="1" applyFill="1" applyBorder="1" applyAlignment="1" applyProtection="1">
      <alignment horizontal="center" vertical="center" wrapText="1"/>
      <protection locked="0"/>
    </xf>
    <xf numFmtId="49" fontId="2" fillId="2" borderId="39"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2" fillId="0" borderId="30" xfId="0" applyFont="1" applyFill="1" applyBorder="1" applyAlignment="1" applyProtection="1">
      <alignment horizontal="left" vertical="center" wrapText="1"/>
      <protection locked="0"/>
    </xf>
    <xf numFmtId="49" fontId="2" fillId="0" borderId="5" xfId="0" applyNumberFormat="1" applyFont="1" applyBorder="1" applyAlignment="1" applyProtection="1">
      <alignment horizontal="left" vertical="center" wrapText="1"/>
      <protection locked="0"/>
    </xf>
    <xf numFmtId="49" fontId="2" fillId="0" borderId="25" xfId="0" applyNumberFormat="1" applyFont="1" applyBorder="1" applyAlignment="1" applyProtection="1">
      <alignment horizontal="left" vertical="center" wrapText="1"/>
      <protection locked="0"/>
    </xf>
    <xf numFmtId="49" fontId="2" fillId="7" borderId="10" xfId="0" applyNumberFormat="1" applyFont="1" applyFill="1" applyBorder="1" applyAlignment="1">
      <alignment horizontal="right" vertical="center"/>
    </xf>
    <xf numFmtId="49" fontId="4" fillId="7" borderId="10" xfId="0" applyNumberFormat="1" applyFont="1" applyFill="1" applyBorder="1" applyAlignment="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4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49"/>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13" t="s">
        <v>43</v>
      </c>
      <c r="C1" s="113"/>
      <c r="D1" s="113"/>
      <c r="E1" s="113"/>
      <c r="F1" s="113"/>
    </row>
    <row r="2" spans="2:6" s="12" customFormat="1" ht="27.75" customHeight="1" x14ac:dyDescent="0.2">
      <c r="B2" s="112" t="s">
        <v>41</v>
      </c>
      <c r="C2" s="112"/>
      <c r="D2" s="112"/>
      <c r="E2" s="112"/>
      <c r="F2" s="112"/>
    </row>
    <row r="3" spans="2:6" s="12" customFormat="1" ht="54.75" customHeight="1" x14ac:dyDescent="0.2">
      <c r="B3" s="118" t="s">
        <v>46</v>
      </c>
      <c r="C3" s="118"/>
      <c r="D3" s="118"/>
      <c r="E3" s="118"/>
      <c r="F3" s="118"/>
    </row>
    <row r="4" spans="2:6" ht="24.95" customHeight="1" x14ac:dyDescent="0.2">
      <c r="B4" s="13" t="s">
        <v>45</v>
      </c>
      <c r="C4" s="14"/>
      <c r="D4" s="71"/>
      <c r="E4" s="71"/>
      <c r="F4" s="71"/>
    </row>
    <row r="5" spans="2:6" ht="24.95" customHeight="1" x14ac:dyDescent="0.2">
      <c r="B5" s="13" t="s">
        <v>44</v>
      </c>
      <c r="C5" s="15"/>
      <c r="D5" s="71"/>
      <c r="E5" s="71"/>
      <c r="F5" s="71"/>
    </row>
    <row r="6" spans="2:6" ht="5.0999999999999996" customHeight="1" x14ac:dyDescent="0.2">
      <c r="B6" s="71"/>
      <c r="C6" s="71"/>
      <c r="D6" s="71"/>
      <c r="E6" s="71"/>
      <c r="F6" s="71"/>
    </row>
    <row r="7" spans="2:6" s="16" customFormat="1" ht="20.100000000000001" customHeight="1" x14ac:dyDescent="0.25">
      <c r="B7" s="102" t="s">
        <v>5</v>
      </c>
      <c r="C7" s="102"/>
      <c r="D7" s="102"/>
      <c r="E7" s="102"/>
      <c r="F7" s="102"/>
    </row>
    <row r="8" spans="2:6" s="16" customFormat="1" ht="20.100000000000001" customHeight="1" x14ac:dyDescent="0.25">
      <c r="B8" s="119" t="s">
        <v>9</v>
      </c>
      <c r="C8" s="119"/>
      <c r="D8" s="119"/>
      <c r="E8" s="119"/>
      <c r="F8" s="119"/>
    </row>
    <row r="9" spans="2:6" ht="28.5" customHeight="1" x14ac:dyDescent="0.2">
      <c r="B9" s="120" t="s">
        <v>65</v>
      </c>
      <c r="C9" s="120"/>
      <c r="D9" s="120"/>
      <c r="E9" s="120"/>
      <c r="F9" s="120"/>
    </row>
    <row r="10" spans="2:6" ht="4.5" customHeight="1" x14ac:dyDescent="0.2">
      <c r="B10" s="17"/>
      <c r="C10" s="17"/>
      <c r="D10" s="17"/>
      <c r="E10" s="17"/>
      <c r="F10" s="17"/>
    </row>
    <row r="11" spans="2:6" s="16" customFormat="1" ht="19.5" customHeight="1" x14ac:dyDescent="0.25">
      <c r="B11" s="121" t="s">
        <v>10</v>
      </c>
      <c r="C11" s="121"/>
      <c r="D11" s="121"/>
      <c r="E11" s="121"/>
      <c r="F11" s="121"/>
    </row>
    <row r="12" spans="2:6" s="16" customFormat="1" ht="20.100000000000001" customHeight="1" x14ac:dyDescent="0.25">
      <c r="B12" s="124" t="s">
        <v>95</v>
      </c>
      <c r="C12" s="124"/>
      <c r="D12" s="70"/>
      <c r="E12" s="73"/>
      <c r="F12" s="73"/>
    </row>
    <row r="13" spans="2:6" s="16" customFormat="1" ht="20.100000000000001" customHeight="1" x14ac:dyDescent="0.25">
      <c r="B13" s="124" t="s">
        <v>96</v>
      </c>
      <c r="C13" s="124"/>
      <c r="D13" s="70"/>
      <c r="E13" s="73"/>
      <c r="F13" s="73"/>
    </row>
    <row r="14" spans="2:6" s="19" customFormat="1" ht="20.100000000000001" customHeight="1" x14ac:dyDescent="0.25">
      <c r="B14" s="122" t="s">
        <v>97</v>
      </c>
      <c r="C14" s="122"/>
      <c r="D14" s="74"/>
      <c r="E14" s="18"/>
      <c r="F14" s="18"/>
    </row>
    <row r="15" spans="2:6" s="19" customFormat="1" ht="20.100000000000001" customHeight="1" x14ac:dyDescent="0.25">
      <c r="B15" s="122" t="s">
        <v>59</v>
      </c>
      <c r="C15" s="122"/>
      <c r="D15" s="122"/>
      <c r="E15" s="18"/>
      <c r="F15" s="18"/>
    </row>
    <row r="16" spans="2:6" ht="4.5" customHeight="1" x14ac:dyDescent="0.2">
      <c r="B16" s="72"/>
      <c r="C16" s="72"/>
      <c r="D16" s="72"/>
      <c r="E16" s="17"/>
      <c r="F16" s="17"/>
    </row>
    <row r="17" spans="2:6" ht="20.100000000000001" customHeight="1" x14ac:dyDescent="0.2">
      <c r="B17" s="20" t="s">
        <v>11</v>
      </c>
      <c r="C17" s="21"/>
      <c r="D17" s="21"/>
      <c r="E17" s="22"/>
      <c r="F17" s="22"/>
    </row>
    <row r="18" spans="2:6" s="25" customFormat="1" ht="24.95" customHeight="1" x14ac:dyDescent="0.25">
      <c r="B18" s="116" t="s">
        <v>53</v>
      </c>
      <c r="C18" s="116"/>
      <c r="D18" s="116"/>
      <c r="E18" s="23"/>
      <c r="F18" s="24"/>
    </row>
    <row r="19" spans="2:6" ht="5.0999999999999996" customHeight="1" x14ac:dyDescent="0.2">
      <c r="B19" s="117"/>
      <c r="C19" s="117"/>
      <c r="D19" s="117"/>
      <c r="F19" s="27"/>
    </row>
    <row r="20" spans="2:6" s="16" customFormat="1" ht="20.100000000000001" customHeight="1" x14ac:dyDescent="0.25">
      <c r="B20" s="102" t="s">
        <v>23</v>
      </c>
      <c r="C20" s="102"/>
      <c r="D20" s="102"/>
      <c r="E20" s="102"/>
      <c r="F20" s="102"/>
    </row>
    <row r="21" spans="2:6" ht="34.5" customHeight="1" x14ac:dyDescent="0.2">
      <c r="B21" s="123" t="s">
        <v>98</v>
      </c>
      <c r="C21" s="123"/>
      <c r="D21" s="123"/>
      <c r="E21" s="123"/>
      <c r="F21" s="123"/>
    </row>
    <row r="22" spans="2:6" ht="5.0999999999999996" customHeight="1" x14ac:dyDescent="0.2">
      <c r="B22" s="117"/>
      <c r="C22" s="117"/>
      <c r="D22" s="117"/>
      <c r="F22" s="27"/>
    </row>
    <row r="23" spans="2:6" s="16" customFormat="1" ht="20.100000000000001" customHeight="1" x14ac:dyDescent="0.25">
      <c r="B23" s="102" t="s">
        <v>24</v>
      </c>
      <c r="C23" s="102"/>
      <c r="D23" s="102"/>
      <c r="E23" s="102"/>
      <c r="F23" s="102"/>
    </row>
    <row r="24" spans="2:6" s="28" customFormat="1" ht="20.100000000000001" customHeight="1" x14ac:dyDescent="0.25">
      <c r="B24" s="127" t="s">
        <v>6</v>
      </c>
      <c r="C24" s="127"/>
      <c r="D24" s="127"/>
      <c r="E24" s="127"/>
      <c r="F24" s="127"/>
    </row>
    <row r="25" spans="2:6" s="28" customFormat="1" ht="20.100000000000001" customHeight="1" x14ac:dyDescent="0.25">
      <c r="B25" s="114" t="s">
        <v>17</v>
      </c>
      <c r="C25" s="115"/>
      <c r="D25" s="75"/>
      <c r="E25" s="75"/>
      <c r="F25" s="75"/>
    </row>
    <row r="26" spans="2:6" s="28" customFormat="1" ht="20.100000000000001" customHeight="1" x14ac:dyDescent="0.25">
      <c r="B26" s="29"/>
      <c r="C26" s="29" t="s">
        <v>21</v>
      </c>
      <c r="D26" s="75"/>
      <c r="E26" s="75"/>
      <c r="F26" s="75"/>
    </row>
    <row r="27" spans="2:6" s="28" customFormat="1" ht="20.100000000000001" customHeight="1" x14ac:dyDescent="0.25">
      <c r="B27" s="29"/>
      <c r="C27" s="29" t="s">
        <v>22</v>
      </c>
      <c r="D27" s="75"/>
      <c r="E27" s="75"/>
      <c r="F27" s="75"/>
    </row>
    <row r="28" spans="2:6" s="28" customFormat="1" ht="20.100000000000001" customHeight="1" x14ac:dyDescent="0.25">
      <c r="B28" s="114" t="s">
        <v>18</v>
      </c>
      <c r="C28" s="115"/>
      <c r="D28" s="75"/>
      <c r="E28" s="75"/>
      <c r="F28" s="75"/>
    </row>
    <row r="29" spans="2:6" s="28" customFormat="1" ht="39" customHeight="1" x14ac:dyDescent="0.25">
      <c r="B29" s="30" t="s">
        <v>19</v>
      </c>
      <c r="C29" s="128" t="s">
        <v>13</v>
      </c>
      <c r="D29" s="129"/>
      <c r="E29" s="31" t="s">
        <v>12</v>
      </c>
      <c r="F29" s="31" t="s">
        <v>64</v>
      </c>
    </row>
    <row r="30" spans="2:6" s="28" customFormat="1" ht="24.95" customHeight="1" x14ac:dyDescent="0.25">
      <c r="B30" s="32" t="s">
        <v>2</v>
      </c>
      <c r="C30" s="125" t="s">
        <v>65</v>
      </c>
      <c r="D30" s="126"/>
      <c r="E30" s="33" t="s">
        <v>1</v>
      </c>
      <c r="F30" s="34">
        <v>1</v>
      </c>
    </row>
    <row r="31" spans="2:6" s="28" customFormat="1" ht="4.5" customHeight="1" x14ac:dyDescent="0.25">
      <c r="B31" s="75"/>
      <c r="C31" s="75"/>
      <c r="D31" s="75"/>
      <c r="E31" s="75"/>
      <c r="F31" s="75"/>
    </row>
    <row r="32" spans="2:6" s="28" customFormat="1" ht="20.100000000000001" customHeight="1" x14ac:dyDescent="0.25">
      <c r="B32" s="114" t="s">
        <v>20</v>
      </c>
      <c r="C32" s="115"/>
      <c r="D32" s="75"/>
      <c r="E32" s="75"/>
      <c r="F32" s="75"/>
    </row>
    <row r="33" spans="2:7" s="28" customFormat="1" ht="20.100000000000001" customHeight="1" x14ac:dyDescent="0.2">
      <c r="B33" s="12"/>
      <c r="C33" s="28" t="s">
        <v>3</v>
      </c>
      <c r="D33" s="75"/>
      <c r="E33" s="75"/>
      <c r="F33" s="75"/>
    </row>
    <row r="34" spans="2:7" s="28" customFormat="1" ht="20.100000000000001" customHeight="1" x14ac:dyDescent="0.25">
      <c r="B34" s="29"/>
      <c r="C34" s="16" t="s">
        <v>4</v>
      </c>
      <c r="D34" s="75"/>
      <c r="E34" s="75"/>
      <c r="F34" s="75"/>
    </row>
    <row r="35" spans="2:7" ht="5.0999999999999996" customHeight="1" x14ac:dyDescent="0.2"/>
    <row r="36" spans="2:7" s="16" customFormat="1" ht="20.100000000000001" customHeight="1" x14ac:dyDescent="0.25">
      <c r="B36" s="102" t="s">
        <v>25</v>
      </c>
      <c r="C36" s="102"/>
      <c r="D36" s="102"/>
      <c r="E36" s="102"/>
      <c r="F36" s="102"/>
    </row>
    <row r="37" spans="2:7" s="16" customFormat="1" ht="5.0999999999999996" customHeight="1" thickBot="1" x14ac:dyDescent="0.3">
      <c r="B37" s="27"/>
      <c r="D37" s="35"/>
      <c r="E37" s="35"/>
      <c r="F37" s="35"/>
    </row>
    <row r="38" spans="2:7" s="25" customFormat="1" ht="93" customHeight="1" x14ac:dyDescent="0.25">
      <c r="B38" s="103" t="s">
        <v>0</v>
      </c>
      <c r="C38" s="104"/>
      <c r="D38" s="107" t="s">
        <v>54</v>
      </c>
      <c r="E38" s="108"/>
      <c r="F38" s="109"/>
      <c r="G38" s="36"/>
    </row>
    <row r="39" spans="2:7" s="25" customFormat="1" ht="30" customHeight="1" thickBot="1" x14ac:dyDescent="0.3">
      <c r="B39" s="130"/>
      <c r="C39" s="131"/>
      <c r="D39" s="69" t="s">
        <v>26</v>
      </c>
      <c r="E39" s="132" t="s">
        <v>27</v>
      </c>
      <c r="F39" s="133"/>
    </row>
    <row r="40" spans="2:7" s="38" customFormat="1" ht="30.75" customHeight="1" x14ac:dyDescent="0.25">
      <c r="B40" s="134" t="s">
        <v>66</v>
      </c>
      <c r="C40" s="135"/>
      <c r="D40" s="135"/>
      <c r="E40" s="135"/>
      <c r="F40" s="136"/>
    </row>
    <row r="41" spans="2:7" s="40" customFormat="1" ht="30" customHeight="1" x14ac:dyDescent="0.25">
      <c r="B41" s="82" t="s">
        <v>15</v>
      </c>
      <c r="C41" s="84" t="s">
        <v>79</v>
      </c>
      <c r="D41" s="39"/>
      <c r="E41" s="100"/>
      <c r="F41" s="101"/>
    </row>
    <row r="42" spans="2:7" s="40" customFormat="1" ht="27.75" customHeight="1" x14ac:dyDescent="0.25">
      <c r="B42" s="83" t="s">
        <v>67</v>
      </c>
      <c r="C42" s="84" t="s">
        <v>80</v>
      </c>
      <c r="D42" s="39"/>
      <c r="E42" s="100"/>
      <c r="F42" s="101"/>
    </row>
    <row r="43" spans="2:7" s="40" customFormat="1" ht="31.5" customHeight="1" x14ac:dyDescent="0.25">
      <c r="B43" s="83" t="s">
        <v>68</v>
      </c>
      <c r="C43" s="84" t="s">
        <v>81</v>
      </c>
      <c r="D43" s="39"/>
      <c r="E43" s="100"/>
      <c r="F43" s="101"/>
    </row>
    <row r="44" spans="2:7" s="40" customFormat="1" ht="31.5" customHeight="1" x14ac:dyDescent="0.25">
      <c r="B44" s="83" t="s">
        <v>69</v>
      </c>
      <c r="C44" s="84" t="s">
        <v>82</v>
      </c>
      <c r="D44" s="39"/>
      <c r="E44" s="100"/>
      <c r="F44" s="101"/>
    </row>
    <row r="45" spans="2:7" s="40" customFormat="1" ht="26.25" customHeight="1" x14ac:dyDescent="0.25">
      <c r="B45" s="83" t="s">
        <v>70</v>
      </c>
      <c r="C45" s="84" t="s">
        <v>83</v>
      </c>
      <c r="D45" s="39"/>
      <c r="E45" s="100"/>
      <c r="F45" s="101"/>
    </row>
    <row r="46" spans="2:7" s="40" customFormat="1" ht="45.75" customHeight="1" x14ac:dyDescent="0.25">
      <c r="B46" s="83" t="s">
        <v>71</v>
      </c>
      <c r="C46" s="84" t="s">
        <v>84</v>
      </c>
      <c r="D46" s="39"/>
      <c r="E46" s="100"/>
      <c r="F46" s="101"/>
    </row>
    <row r="47" spans="2:7" s="40" customFormat="1" ht="25.5" customHeight="1" x14ac:dyDescent="0.25">
      <c r="B47" s="83" t="s">
        <v>72</v>
      </c>
      <c r="C47" s="84" t="s">
        <v>85</v>
      </c>
      <c r="D47" s="39"/>
      <c r="E47" s="100"/>
      <c r="F47" s="101"/>
    </row>
    <row r="48" spans="2:7" s="40" customFormat="1" ht="31.5" customHeight="1" x14ac:dyDescent="0.25">
      <c r="B48" s="164" t="s">
        <v>178</v>
      </c>
      <c r="C48" s="165" t="s">
        <v>182</v>
      </c>
      <c r="D48" s="39"/>
      <c r="E48" s="162"/>
      <c r="F48" s="163"/>
    </row>
    <row r="49" spans="2:6" s="40" customFormat="1" ht="39.75" customHeight="1" x14ac:dyDescent="0.25">
      <c r="B49" s="164" t="s">
        <v>179</v>
      </c>
      <c r="C49" s="165" t="s">
        <v>183</v>
      </c>
      <c r="D49" s="39"/>
      <c r="E49" s="162"/>
      <c r="F49" s="163"/>
    </row>
    <row r="50" spans="2:6" s="40" customFormat="1" ht="30" customHeight="1" x14ac:dyDescent="0.25">
      <c r="B50" s="164" t="s">
        <v>180</v>
      </c>
      <c r="C50" s="165" t="s">
        <v>184</v>
      </c>
      <c r="D50" s="39"/>
      <c r="E50" s="162"/>
      <c r="F50" s="163"/>
    </row>
    <row r="51" spans="2:6" s="40" customFormat="1" ht="25.5" customHeight="1" x14ac:dyDescent="0.25">
      <c r="B51" s="164" t="s">
        <v>181</v>
      </c>
      <c r="C51" s="165" t="s">
        <v>185</v>
      </c>
      <c r="D51" s="39"/>
      <c r="E51" s="162"/>
      <c r="F51" s="163"/>
    </row>
    <row r="52" spans="2:6" s="40" customFormat="1" ht="30" customHeight="1" x14ac:dyDescent="0.25">
      <c r="B52" s="82" t="s">
        <v>50</v>
      </c>
      <c r="C52" s="84" t="s">
        <v>86</v>
      </c>
      <c r="D52" s="39"/>
      <c r="E52" s="100"/>
      <c r="F52" s="101"/>
    </row>
    <row r="53" spans="2:6" s="40" customFormat="1" ht="27.75" customHeight="1" x14ac:dyDescent="0.25">
      <c r="B53" s="83" t="s">
        <v>73</v>
      </c>
      <c r="C53" s="84" t="s">
        <v>87</v>
      </c>
      <c r="D53" s="39"/>
      <c r="E53" s="100"/>
      <c r="F53" s="101"/>
    </row>
    <row r="54" spans="2:6" s="40" customFormat="1" ht="38.25" customHeight="1" x14ac:dyDescent="0.25">
      <c r="B54" s="83" t="s">
        <v>74</v>
      </c>
      <c r="C54" s="165" t="s">
        <v>186</v>
      </c>
      <c r="D54" s="39"/>
      <c r="E54" s="100"/>
      <c r="F54" s="101"/>
    </row>
    <row r="55" spans="2:6" s="40" customFormat="1" ht="33" customHeight="1" x14ac:dyDescent="0.25">
      <c r="B55" s="83" t="s">
        <v>75</v>
      </c>
      <c r="C55" s="84" t="s">
        <v>88</v>
      </c>
      <c r="D55" s="39"/>
      <c r="E55" s="100"/>
      <c r="F55" s="101"/>
    </row>
    <row r="56" spans="2:6" s="40" customFormat="1" ht="27.75" customHeight="1" x14ac:dyDescent="0.25">
      <c r="B56" s="82" t="s">
        <v>51</v>
      </c>
      <c r="C56" s="84" t="s">
        <v>89</v>
      </c>
      <c r="D56" s="39"/>
      <c r="E56" s="100"/>
      <c r="F56" s="101"/>
    </row>
    <row r="57" spans="2:6" s="40" customFormat="1" ht="30" customHeight="1" x14ac:dyDescent="0.25">
      <c r="B57" s="83" t="s">
        <v>76</v>
      </c>
      <c r="C57" s="84" t="s">
        <v>90</v>
      </c>
      <c r="D57" s="39"/>
      <c r="E57" s="100"/>
      <c r="F57" s="101"/>
    </row>
    <row r="58" spans="2:6" s="40" customFormat="1" ht="30" customHeight="1" x14ac:dyDescent="0.25">
      <c r="B58" s="83" t="s">
        <v>77</v>
      </c>
      <c r="C58" s="84" t="s">
        <v>91</v>
      </c>
      <c r="D58" s="39"/>
      <c r="E58" s="100"/>
      <c r="F58" s="101"/>
    </row>
    <row r="59" spans="2:6" s="40" customFormat="1" ht="27.75" customHeight="1" x14ac:dyDescent="0.25">
      <c r="B59" s="83" t="s">
        <v>78</v>
      </c>
      <c r="C59" s="84" t="s">
        <v>92</v>
      </c>
      <c r="D59" s="39"/>
      <c r="E59" s="100"/>
      <c r="F59" s="101"/>
    </row>
    <row r="60" spans="2:6" s="25" customFormat="1" ht="17.25" customHeight="1" x14ac:dyDescent="0.25">
      <c r="B60" s="41"/>
      <c r="C60" s="42"/>
      <c r="D60" s="43"/>
      <c r="E60" s="43"/>
      <c r="F60" s="44"/>
    </row>
    <row r="61" spans="2:6" s="16" customFormat="1" ht="20.100000000000001" customHeight="1" x14ac:dyDescent="0.25">
      <c r="B61" s="102" t="s">
        <v>42</v>
      </c>
      <c r="C61" s="102"/>
      <c r="D61" s="102"/>
      <c r="E61" s="102"/>
      <c r="F61" s="102"/>
    </row>
    <row r="62" spans="2:6" s="16" customFormat="1" ht="5.0999999999999996" customHeight="1" thickBot="1" x14ac:dyDescent="0.3">
      <c r="B62" s="27"/>
      <c r="D62" s="35"/>
      <c r="E62" s="35"/>
      <c r="F62" s="35"/>
    </row>
    <row r="63" spans="2:6" s="25" customFormat="1" ht="69" customHeight="1" x14ac:dyDescent="0.25">
      <c r="B63" s="103" t="s">
        <v>8</v>
      </c>
      <c r="C63" s="104"/>
      <c r="D63" s="107" t="s">
        <v>55</v>
      </c>
      <c r="E63" s="108"/>
      <c r="F63" s="109"/>
    </row>
    <row r="64" spans="2:6" s="25" customFormat="1" ht="30" customHeight="1" thickBot="1" x14ac:dyDescent="0.3">
      <c r="B64" s="105"/>
      <c r="C64" s="106"/>
      <c r="D64" s="37" t="s">
        <v>7</v>
      </c>
      <c r="E64" s="110" t="s">
        <v>28</v>
      </c>
      <c r="F64" s="111"/>
    </row>
    <row r="65" spans="2:6" s="16" customFormat="1" ht="28.5" customHeight="1" x14ac:dyDescent="0.25">
      <c r="B65" s="77" t="s">
        <v>15</v>
      </c>
      <c r="C65" s="85" t="s">
        <v>99</v>
      </c>
      <c r="D65" s="67"/>
      <c r="E65" s="160"/>
      <c r="F65" s="161"/>
    </row>
    <row r="66" spans="2:6" s="16" customFormat="1" ht="28.5" customHeight="1" x14ac:dyDescent="0.25">
      <c r="B66" s="65" t="s">
        <v>50</v>
      </c>
      <c r="C66" s="78" t="s">
        <v>100</v>
      </c>
      <c r="D66" s="39"/>
      <c r="E66" s="96"/>
      <c r="F66" s="97"/>
    </row>
    <row r="67" spans="2:6" s="16" customFormat="1" ht="28.5" customHeight="1" x14ac:dyDescent="0.25">
      <c r="B67" s="79" t="s">
        <v>101</v>
      </c>
      <c r="C67" s="80" t="s">
        <v>102</v>
      </c>
      <c r="D67" s="39"/>
      <c r="E67" s="96"/>
      <c r="F67" s="97"/>
    </row>
    <row r="68" spans="2:6" s="16" customFormat="1" ht="28.5" customHeight="1" x14ac:dyDescent="0.25">
      <c r="B68" s="89" t="s">
        <v>103</v>
      </c>
      <c r="C68" s="94" t="s">
        <v>104</v>
      </c>
      <c r="D68" s="39"/>
      <c r="E68" s="96"/>
      <c r="F68" s="97"/>
    </row>
    <row r="69" spans="2:6" s="16" customFormat="1" ht="66.75" customHeight="1" x14ac:dyDescent="0.25">
      <c r="B69" s="90" t="s">
        <v>105</v>
      </c>
      <c r="C69" s="94" t="s">
        <v>106</v>
      </c>
      <c r="D69" s="39"/>
      <c r="E69" s="96"/>
      <c r="F69" s="97"/>
    </row>
    <row r="70" spans="2:6" s="16" customFormat="1" ht="57" customHeight="1" x14ac:dyDescent="0.25">
      <c r="B70" s="91" t="s">
        <v>107</v>
      </c>
      <c r="C70" s="94" t="s">
        <v>108</v>
      </c>
      <c r="D70" s="39"/>
      <c r="E70" s="96"/>
      <c r="F70" s="97"/>
    </row>
    <row r="71" spans="2:6" s="16" customFormat="1" ht="141.75" customHeight="1" x14ac:dyDescent="0.25">
      <c r="B71" s="79" t="s">
        <v>109</v>
      </c>
      <c r="C71" s="80" t="s">
        <v>110</v>
      </c>
      <c r="D71" s="39"/>
      <c r="E71" s="96"/>
      <c r="F71" s="97"/>
    </row>
    <row r="72" spans="2:6" s="16" customFormat="1" ht="78.75" customHeight="1" x14ac:dyDescent="0.25">
      <c r="B72" s="59" t="s">
        <v>51</v>
      </c>
      <c r="C72" s="94" t="s">
        <v>111</v>
      </c>
      <c r="D72" s="39"/>
      <c r="E72" s="96"/>
      <c r="F72" s="97"/>
    </row>
    <row r="73" spans="2:6" s="16" customFormat="1" ht="115.5" customHeight="1" x14ac:dyDescent="0.25">
      <c r="B73" s="81" t="s">
        <v>52</v>
      </c>
      <c r="C73" s="94" t="s">
        <v>112</v>
      </c>
      <c r="D73" s="39"/>
      <c r="E73" s="96"/>
      <c r="F73" s="97"/>
    </row>
    <row r="74" spans="2:6" s="16" customFormat="1" ht="87.75" customHeight="1" x14ac:dyDescent="0.25">
      <c r="B74" s="64" t="s">
        <v>113</v>
      </c>
      <c r="C74" s="94" t="s">
        <v>114</v>
      </c>
      <c r="D74" s="39"/>
      <c r="E74" s="96"/>
      <c r="F74" s="97"/>
    </row>
    <row r="75" spans="2:6" s="16" customFormat="1" ht="103.5" customHeight="1" x14ac:dyDescent="0.25">
      <c r="B75" s="65" t="s">
        <v>115</v>
      </c>
      <c r="C75" s="94" t="s">
        <v>116</v>
      </c>
      <c r="D75" s="39"/>
      <c r="E75" s="96"/>
      <c r="F75" s="97"/>
    </row>
    <row r="76" spans="2:6" s="16" customFormat="1" ht="106.5" customHeight="1" x14ac:dyDescent="0.25">
      <c r="B76" s="93" t="s">
        <v>117</v>
      </c>
      <c r="C76" s="80" t="s">
        <v>118</v>
      </c>
      <c r="D76" s="39"/>
      <c r="E76" s="96"/>
      <c r="F76" s="97"/>
    </row>
    <row r="77" spans="2:6" s="16" customFormat="1" ht="102" customHeight="1" x14ac:dyDescent="0.25">
      <c r="B77" s="59" t="s">
        <v>119</v>
      </c>
      <c r="C77" s="94" t="s">
        <v>120</v>
      </c>
      <c r="D77" s="39"/>
      <c r="E77" s="96"/>
      <c r="F77" s="97"/>
    </row>
    <row r="78" spans="2:6" s="16" customFormat="1" ht="38.25" customHeight="1" x14ac:dyDescent="0.25">
      <c r="B78" s="90" t="s">
        <v>121</v>
      </c>
      <c r="C78" s="94" t="s">
        <v>122</v>
      </c>
      <c r="D78" s="39"/>
      <c r="E78" s="96"/>
      <c r="F78" s="97"/>
    </row>
    <row r="79" spans="2:6" s="16" customFormat="1" ht="57.75" customHeight="1" x14ac:dyDescent="0.25">
      <c r="B79" s="92" t="s">
        <v>123</v>
      </c>
      <c r="C79" s="94" t="s">
        <v>124</v>
      </c>
      <c r="D79" s="39"/>
      <c r="E79" s="96"/>
      <c r="F79" s="97"/>
    </row>
    <row r="80" spans="2:6" s="16" customFormat="1" ht="85.5" customHeight="1" x14ac:dyDescent="0.25">
      <c r="B80" s="92" t="s">
        <v>125</v>
      </c>
      <c r="C80" s="94" t="s">
        <v>126</v>
      </c>
      <c r="D80" s="39"/>
      <c r="E80" s="96"/>
      <c r="F80" s="97"/>
    </row>
    <row r="81" spans="2:6" s="16" customFormat="1" ht="65.25" customHeight="1" x14ac:dyDescent="0.25">
      <c r="B81" s="91" t="s">
        <v>127</v>
      </c>
      <c r="C81" s="94" t="s">
        <v>128</v>
      </c>
      <c r="D81" s="39"/>
      <c r="E81" s="96"/>
      <c r="F81" s="97"/>
    </row>
    <row r="82" spans="2:6" s="16" customFormat="1" ht="47.25" customHeight="1" x14ac:dyDescent="0.25">
      <c r="B82" s="79" t="s">
        <v>129</v>
      </c>
      <c r="C82" s="80" t="s">
        <v>130</v>
      </c>
      <c r="D82" s="39"/>
      <c r="E82" s="96"/>
      <c r="F82" s="97"/>
    </row>
    <row r="83" spans="2:6" s="16" customFormat="1" ht="70.5" customHeight="1" x14ac:dyDescent="0.25">
      <c r="B83" s="89" t="s">
        <v>131</v>
      </c>
      <c r="C83" s="94" t="s">
        <v>132</v>
      </c>
      <c r="D83" s="39"/>
      <c r="E83" s="96"/>
      <c r="F83" s="97"/>
    </row>
    <row r="84" spans="2:6" s="16" customFormat="1" ht="44.25" customHeight="1" x14ac:dyDescent="0.25">
      <c r="B84" s="90" t="s">
        <v>133</v>
      </c>
      <c r="C84" s="94" t="s">
        <v>134</v>
      </c>
      <c r="D84" s="39"/>
      <c r="E84" s="96"/>
      <c r="F84" s="97"/>
    </row>
    <row r="85" spans="2:6" s="16" customFormat="1" ht="52.5" customHeight="1" x14ac:dyDescent="0.25">
      <c r="B85" s="92" t="s">
        <v>135</v>
      </c>
      <c r="C85" s="94" t="s">
        <v>136</v>
      </c>
      <c r="D85" s="39"/>
      <c r="E85" s="96"/>
      <c r="F85" s="97"/>
    </row>
    <row r="86" spans="2:6" s="16" customFormat="1" ht="46.5" customHeight="1" x14ac:dyDescent="0.25">
      <c r="B86" s="92" t="s">
        <v>137</v>
      </c>
      <c r="C86" s="94" t="s">
        <v>138</v>
      </c>
      <c r="D86" s="39"/>
      <c r="E86" s="96"/>
      <c r="F86" s="97"/>
    </row>
    <row r="87" spans="2:6" s="16" customFormat="1" ht="50.25" customHeight="1" x14ac:dyDescent="0.25">
      <c r="B87" s="91" t="s">
        <v>139</v>
      </c>
      <c r="C87" s="94" t="s">
        <v>140</v>
      </c>
      <c r="D87" s="39"/>
      <c r="E87" s="96"/>
      <c r="F87" s="97"/>
    </row>
    <row r="88" spans="2:6" s="16" customFormat="1" ht="70.5" customHeight="1" x14ac:dyDescent="0.25">
      <c r="B88" s="93" t="s">
        <v>141</v>
      </c>
      <c r="C88" s="80" t="s">
        <v>142</v>
      </c>
      <c r="D88" s="39"/>
      <c r="E88" s="96"/>
      <c r="F88" s="97"/>
    </row>
    <row r="89" spans="2:6" s="16" customFormat="1" ht="87.75" customHeight="1" x14ac:dyDescent="0.25">
      <c r="B89" s="89" t="s">
        <v>143</v>
      </c>
      <c r="C89" s="94" t="s">
        <v>144</v>
      </c>
      <c r="D89" s="39"/>
      <c r="E89" s="96"/>
      <c r="F89" s="97"/>
    </row>
    <row r="90" spans="2:6" s="16" customFormat="1" ht="42" customHeight="1" x14ac:dyDescent="0.25">
      <c r="B90" s="81" t="s">
        <v>145</v>
      </c>
      <c r="C90" s="94" t="s">
        <v>146</v>
      </c>
      <c r="D90" s="39"/>
      <c r="E90" s="96"/>
      <c r="F90" s="97"/>
    </row>
    <row r="91" spans="2:6" s="16" customFormat="1" ht="34.5" customHeight="1" x14ac:dyDescent="0.25">
      <c r="B91" s="91" t="s">
        <v>147</v>
      </c>
      <c r="C91" s="94" t="s">
        <v>148</v>
      </c>
      <c r="D91" s="39"/>
      <c r="E91" s="96"/>
      <c r="F91" s="97"/>
    </row>
    <row r="92" spans="2:6" s="16" customFormat="1" ht="65.25" customHeight="1" x14ac:dyDescent="0.25">
      <c r="B92" s="79" t="s">
        <v>149</v>
      </c>
      <c r="C92" s="80" t="s">
        <v>150</v>
      </c>
      <c r="D92" s="39"/>
      <c r="E92" s="96"/>
      <c r="F92" s="97"/>
    </row>
    <row r="93" spans="2:6" s="16" customFormat="1" ht="68.25" customHeight="1" x14ac:dyDescent="0.25">
      <c r="B93" s="59" t="s">
        <v>151</v>
      </c>
      <c r="C93" s="94" t="s">
        <v>152</v>
      </c>
      <c r="D93" s="39"/>
      <c r="E93" s="96"/>
      <c r="F93" s="97"/>
    </row>
    <row r="94" spans="2:6" s="16" customFormat="1" ht="62.25" customHeight="1" x14ac:dyDescent="0.25">
      <c r="B94" s="90" t="s">
        <v>153</v>
      </c>
      <c r="C94" s="94" t="s">
        <v>154</v>
      </c>
      <c r="D94" s="39"/>
      <c r="E94" s="96"/>
      <c r="F94" s="97"/>
    </row>
    <row r="95" spans="2:6" s="16" customFormat="1" ht="49.5" customHeight="1" x14ac:dyDescent="0.25">
      <c r="B95" s="92" t="s">
        <v>155</v>
      </c>
      <c r="C95" s="94" t="s">
        <v>156</v>
      </c>
      <c r="D95" s="39"/>
      <c r="E95" s="96"/>
      <c r="F95" s="97"/>
    </row>
    <row r="96" spans="2:6" s="16" customFormat="1" ht="126.75" customHeight="1" x14ac:dyDescent="0.25">
      <c r="B96" s="65" t="s">
        <v>157</v>
      </c>
      <c r="C96" s="94" t="s">
        <v>158</v>
      </c>
      <c r="D96" s="39"/>
      <c r="E96" s="96"/>
      <c r="F96" s="97"/>
    </row>
    <row r="97" spans="2:7" s="16" customFormat="1" ht="75.75" customHeight="1" x14ac:dyDescent="0.25">
      <c r="B97" s="93" t="s">
        <v>159</v>
      </c>
      <c r="C97" s="80" t="s">
        <v>160</v>
      </c>
      <c r="D97" s="39"/>
      <c r="E97" s="96"/>
      <c r="F97" s="97"/>
    </row>
    <row r="98" spans="2:7" s="16" customFormat="1" ht="88.5" customHeight="1" x14ac:dyDescent="0.25">
      <c r="B98" s="59" t="s">
        <v>161</v>
      </c>
      <c r="C98" s="78" t="s">
        <v>162</v>
      </c>
      <c r="D98" s="39"/>
      <c r="E98" s="96"/>
      <c r="F98" s="97"/>
    </row>
    <row r="99" spans="2:7" s="16" customFormat="1" ht="137.25" customHeight="1" x14ac:dyDescent="0.25">
      <c r="B99" s="81" t="s">
        <v>163</v>
      </c>
      <c r="C99" s="78" t="s">
        <v>164</v>
      </c>
      <c r="D99" s="39"/>
      <c r="E99" s="96"/>
      <c r="F99" s="97"/>
    </row>
    <row r="100" spans="2:7" s="16" customFormat="1" ht="104.25" customHeight="1" x14ac:dyDescent="0.25">
      <c r="B100" s="64" t="s">
        <v>165</v>
      </c>
      <c r="C100" s="78" t="s">
        <v>166</v>
      </c>
      <c r="D100" s="39"/>
      <c r="E100" s="96"/>
      <c r="F100" s="97"/>
    </row>
    <row r="101" spans="2:7" s="16" customFormat="1" ht="86.25" customHeight="1" x14ac:dyDescent="0.25">
      <c r="B101" s="64" t="s">
        <v>167</v>
      </c>
      <c r="C101" s="78" t="s">
        <v>168</v>
      </c>
      <c r="D101" s="39"/>
      <c r="E101" s="96"/>
      <c r="F101" s="97"/>
    </row>
    <row r="102" spans="2:7" s="16" customFormat="1" ht="210" customHeight="1" x14ac:dyDescent="0.25">
      <c r="B102" s="65" t="s">
        <v>169</v>
      </c>
      <c r="C102" s="78" t="s">
        <v>170</v>
      </c>
      <c r="D102" s="39"/>
      <c r="E102" s="96"/>
      <c r="F102" s="97"/>
    </row>
    <row r="103" spans="2:7" s="16" customFormat="1" ht="220.5" customHeight="1" x14ac:dyDescent="0.25">
      <c r="B103" s="93" t="s">
        <v>171</v>
      </c>
      <c r="C103" s="80" t="s">
        <v>172</v>
      </c>
      <c r="D103" s="39"/>
      <c r="E103" s="96"/>
      <c r="F103" s="97"/>
    </row>
    <row r="104" spans="2:7" s="16" customFormat="1" ht="100.5" customHeight="1" x14ac:dyDescent="0.25">
      <c r="B104" s="59" t="s">
        <v>173</v>
      </c>
      <c r="C104" s="78" t="s">
        <v>176</v>
      </c>
      <c r="D104" s="39"/>
      <c r="E104" s="96"/>
      <c r="F104" s="97"/>
    </row>
    <row r="105" spans="2:7" s="16" customFormat="1" ht="55.5" customHeight="1" thickBot="1" x14ac:dyDescent="0.3">
      <c r="B105" s="95" t="s">
        <v>174</v>
      </c>
      <c r="C105" s="86" t="s">
        <v>175</v>
      </c>
      <c r="D105" s="87"/>
      <c r="E105" s="98"/>
      <c r="F105" s="99"/>
    </row>
    <row r="106" spans="2:7" s="25" customFormat="1" ht="21" customHeight="1" x14ac:dyDescent="0.25">
      <c r="B106" s="42"/>
      <c r="C106" s="42"/>
      <c r="D106" s="43"/>
      <c r="E106" s="43"/>
      <c r="F106" s="44"/>
      <c r="G106" s="16"/>
    </row>
    <row r="107" spans="2:7" s="16" customFormat="1" ht="20.100000000000001" customHeight="1" x14ac:dyDescent="0.25">
      <c r="B107" s="102" t="s">
        <v>47</v>
      </c>
      <c r="C107" s="102"/>
      <c r="D107" s="102"/>
      <c r="E107" s="102"/>
      <c r="F107" s="102"/>
    </row>
    <row r="108" spans="2:7" s="16" customFormat="1" ht="4.5" customHeight="1" thickBot="1" x14ac:dyDescent="0.3"/>
    <row r="109" spans="2:7" s="16" customFormat="1" ht="80.25" customHeight="1" x14ac:dyDescent="0.25">
      <c r="B109" s="138" t="s">
        <v>177</v>
      </c>
      <c r="C109" s="139"/>
      <c r="D109" s="142" t="s">
        <v>48</v>
      </c>
      <c r="E109" s="143"/>
      <c r="F109" s="144"/>
    </row>
    <row r="110" spans="2:7" s="25" customFormat="1" ht="29.25" customHeight="1" thickBot="1" x14ac:dyDescent="0.3">
      <c r="B110" s="140"/>
      <c r="C110" s="141"/>
      <c r="D110" s="68" t="s">
        <v>7</v>
      </c>
      <c r="E110" s="145" t="s">
        <v>28</v>
      </c>
      <c r="F110" s="146"/>
      <c r="G110" s="16"/>
    </row>
    <row r="111" spans="2:7" s="25" customFormat="1" ht="133.5" customHeight="1" x14ac:dyDescent="0.25">
      <c r="B111" s="60" t="s">
        <v>15</v>
      </c>
      <c r="C111" s="63" t="s">
        <v>63</v>
      </c>
      <c r="D111" s="45"/>
      <c r="E111" s="158"/>
      <c r="F111" s="159"/>
      <c r="G111" s="16"/>
    </row>
    <row r="112" spans="2:7" s="25" customFormat="1" ht="45" customHeight="1" x14ac:dyDescent="0.25">
      <c r="B112" s="64" t="s">
        <v>50</v>
      </c>
      <c r="C112" s="61" t="s">
        <v>93</v>
      </c>
      <c r="D112" s="66"/>
      <c r="E112" s="154"/>
      <c r="F112" s="155"/>
      <c r="G112" s="16"/>
    </row>
    <row r="113" spans="2:7" s="25" customFormat="1" ht="29.25" customHeight="1" x14ac:dyDescent="0.25">
      <c r="B113" s="64" t="s">
        <v>51</v>
      </c>
      <c r="C113" s="61" t="s">
        <v>49</v>
      </c>
      <c r="D113" s="66"/>
      <c r="E113" s="154"/>
      <c r="F113" s="155"/>
      <c r="G113" s="16"/>
    </row>
    <row r="114" spans="2:7" s="25" customFormat="1" ht="45.75" customHeight="1" thickBot="1" x14ac:dyDescent="0.3">
      <c r="B114" s="62" t="s">
        <v>52</v>
      </c>
      <c r="C114" s="88" t="s">
        <v>94</v>
      </c>
      <c r="D114" s="46"/>
      <c r="E114" s="156"/>
      <c r="F114" s="157"/>
      <c r="G114" s="16"/>
    </row>
    <row r="115" spans="2:7" s="16" customFormat="1" ht="16.5" customHeight="1" x14ac:dyDescent="0.25">
      <c r="B115" s="42"/>
      <c r="C115" s="42"/>
      <c r="D115" s="43"/>
      <c r="E115" s="43"/>
      <c r="F115" s="44"/>
    </row>
    <row r="116" spans="2:7" s="16" customFormat="1" ht="20.100000000000001" customHeight="1" x14ac:dyDescent="0.25">
      <c r="B116" s="102" t="s">
        <v>14</v>
      </c>
      <c r="C116" s="102"/>
      <c r="D116" s="102"/>
      <c r="E116" s="102"/>
      <c r="F116" s="102"/>
    </row>
    <row r="117" spans="2:7" s="25" customFormat="1" ht="24.75" customHeight="1" x14ac:dyDescent="0.25">
      <c r="B117" s="42" t="s">
        <v>16</v>
      </c>
      <c r="C117" s="151" t="s">
        <v>58</v>
      </c>
      <c r="D117" s="151"/>
      <c r="E117" s="151"/>
      <c r="F117" s="151"/>
      <c r="G117" s="16"/>
    </row>
    <row r="118" spans="2:7" s="25" customFormat="1" ht="23.25" customHeight="1" x14ac:dyDescent="0.25">
      <c r="B118" s="42" t="s">
        <v>61</v>
      </c>
      <c r="C118" s="151" t="s">
        <v>62</v>
      </c>
      <c r="D118" s="151"/>
      <c r="E118" s="151"/>
      <c r="F118" s="151"/>
      <c r="G118" s="16"/>
    </row>
    <row r="119" spans="2:7" s="47" customFormat="1" ht="30" customHeight="1" x14ac:dyDescent="0.25">
      <c r="B119" s="152" t="s">
        <v>29</v>
      </c>
      <c r="C119" s="152"/>
      <c r="D119" s="152"/>
      <c r="E119" s="152"/>
      <c r="F119" s="25"/>
      <c r="G119" s="16"/>
    </row>
    <row r="120" spans="2:7" s="16" customFormat="1" ht="24.95" customHeight="1" x14ac:dyDescent="0.25">
      <c r="B120" s="48" t="s">
        <v>30</v>
      </c>
      <c r="C120" s="149"/>
      <c r="D120" s="149"/>
      <c r="F120" s="47"/>
    </row>
    <row r="121" spans="2:7" s="16" customFormat="1" ht="24.95" customHeight="1" x14ac:dyDescent="0.25">
      <c r="B121" s="48" t="s">
        <v>31</v>
      </c>
      <c r="C121" s="149"/>
      <c r="D121" s="149"/>
      <c r="F121" s="47"/>
    </row>
    <row r="122" spans="2:7" s="16" customFormat="1" ht="24.95" customHeight="1" x14ac:dyDescent="0.25">
      <c r="B122" s="48" t="s">
        <v>32</v>
      </c>
      <c r="C122" s="149"/>
      <c r="D122" s="149"/>
      <c r="F122" s="47"/>
    </row>
    <row r="123" spans="2:7" s="25" customFormat="1" ht="24.95" customHeight="1" x14ac:dyDescent="0.25">
      <c r="B123" s="48" t="s">
        <v>33</v>
      </c>
      <c r="C123" s="149"/>
      <c r="D123" s="149"/>
      <c r="E123" s="16"/>
      <c r="F123" s="49"/>
      <c r="G123" s="16"/>
    </row>
    <row r="124" spans="2:7" s="16" customFormat="1" ht="14.25" customHeight="1" x14ac:dyDescent="0.2">
      <c r="B124" s="50"/>
      <c r="C124" s="1"/>
      <c r="D124" s="1"/>
      <c r="F124" s="51"/>
    </row>
    <row r="125" spans="2:7" s="25" customFormat="1" ht="15" customHeight="1" x14ac:dyDescent="0.25">
      <c r="B125" s="153" t="s">
        <v>34</v>
      </c>
      <c r="C125" s="153"/>
      <c r="D125" s="153"/>
      <c r="E125" s="153"/>
      <c r="F125" s="153"/>
    </row>
    <row r="126" spans="2:7" s="16" customFormat="1" ht="36.75" customHeight="1" x14ac:dyDescent="0.25">
      <c r="B126" s="150" t="s">
        <v>60</v>
      </c>
      <c r="C126" s="150"/>
      <c r="D126" s="150"/>
      <c r="E126" s="150"/>
      <c r="F126" s="150"/>
    </row>
    <row r="127" spans="2:7" s="16" customFormat="1" ht="20.100000000000001" customHeight="1" x14ac:dyDescent="0.2">
      <c r="B127" s="11"/>
      <c r="C127" s="11"/>
      <c r="D127" s="26"/>
      <c r="E127" s="26"/>
    </row>
    <row r="128" spans="2:7" s="25" customFormat="1" ht="4.5" customHeight="1" x14ac:dyDescent="0.2">
      <c r="B128" s="11"/>
      <c r="C128" s="11"/>
      <c r="D128" s="26"/>
      <c r="E128" s="26"/>
      <c r="F128" s="16"/>
    </row>
    <row r="129" spans="1:15" s="25" customFormat="1" ht="20.100000000000001" customHeight="1" x14ac:dyDescent="0.25">
      <c r="B129" s="52" t="s">
        <v>35</v>
      </c>
      <c r="C129" s="53"/>
      <c r="D129" s="54" t="s">
        <v>36</v>
      </c>
      <c r="E129" s="147"/>
      <c r="F129" s="147"/>
    </row>
    <row r="130" spans="1:15" s="25" customFormat="1" ht="20.100000000000001" customHeight="1" x14ac:dyDescent="0.25">
      <c r="B130" s="55"/>
      <c r="C130" s="55"/>
      <c r="D130" s="55"/>
      <c r="E130" s="56"/>
      <c r="F130" s="56"/>
    </row>
    <row r="131" spans="1:15" ht="20.100000000000001" customHeight="1" x14ac:dyDescent="0.2">
      <c r="B131" s="52" t="s">
        <v>37</v>
      </c>
      <c r="C131" s="53"/>
      <c r="D131" s="57" t="s">
        <v>38</v>
      </c>
      <c r="E131" s="148"/>
      <c r="F131" s="148"/>
    </row>
    <row r="132" spans="1:15" s="16" customFormat="1" ht="20.100000000000001" customHeight="1" x14ac:dyDescent="0.2">
      <c r="B132" s="11"/>
      <c r="C132" s="11"/>
      <c r="D132" s="57" t="s">
        <v>39</v>
      </c>
      <c r="E132" s="149"/>
      <c r="F132" s="149"/>
    </row>
    <row r="133" spans="1:15" s="16" customFormat="1" ht="20.100000000000001" customHeight="1" x14ac:dyDescent="0.2">
      <c r="B133" s="11"/>
      <c r="C133" s="11"/>
      <c r="D133" s="58" t="s">
        <v>40</v>
      </c>
      <c r="E133" s="11"/>
    </row>
    <row r="134" spans="1:15" s="1" customFormat="1" ht="12" x14ac:dyDescent="0.2">
      <c r="A134" s="137" t="s">
        <v>56</v>
      </c>
      <c r="B134" s="137"/>
      <c r="D134" s="76"/>
      <c r="E134" s="76"/>
      <c r="F134" s="2"/>
      <c r="G134" s="2"/>
      <c r="H134" s="2"/>
      <c r="I134" s="2"/>
      <c r="J134" s="2"/>
      <c r="K134" s="2"/>
      <c r="L134" s="2"/>
      <c r="M134" s="3"/>
      <c r="O134" s="3"/>
    </row>
    <row r="135" spans="1:15" s="10" customFormat="1" ht="15" x14ac:dyDescent="0.25">
      <c r="A135" s="4"/>
      <c r="B135" s="5" t="s">
        <v>57</v>
      </c>
      <c r="C135" s="6"/>
      <c r="D135" s="7"/>
      <c r="E135" s="7"/>
      <c r="F135" s="8"/>
      <c r="G135" s="8"/>
      <c r="H135" s="8"/>
      <c r="I135" s="8"/>
      <c r="J135" s="8"/>
      <c r="K135" s="8"/>
      <c r="L135" s="8"/>
      <c r="M135" s="9"/>
      <c r="O135" s="9"/>
    </row>
    <row r="136" spans="1:15" s="16" customFormat="1" ht="24" customHeight="1" x14ac:dyDescent="0.25"/>
    <row r="137" spans="1:15" s="16" customFormat="1" ht="24" customHeight="1" x14ac:dyDescent="0.25"/>
    <row r="138" spans="1:15" s="16" customFormat="1" ht="24" customHeight="1" x14ac:dyDescent="0.25"/>
    <row r="139" spans="1:15" s="16" customFormat="1" ht="20.100000000000001" customHeight="1" x14ac:dyDescent="0.25"/>
    <row r="140" spans="1:15" s="16" customFormat="1" ht="20.100000000000001" customHeight="1" x14ac:dyDescent="0.25"/>
    <row r="141" spans="1:15" s="16" customFormat="1" ht="50.1" customHeight="1" x14ac:dyDescent="0.25"/>
    <row r="142" spans="1:15" s="16" customFormat="1" ht="43.5" customHeight="1" x14ac:dyDescent="0.25"/>
    <row r="143" spans="1:15" ht="24.75" customHeight="1" x14ac:dyDescent="0.2">
      <c r="B143" s="16"/>
      <c r="C143" s="16"/>
      <c r="D143" s="16"/>
      <c r="E143" s="16"/>
    </row>
    <row r="144" spans="1:15" x14ac:dyDescent="0.2">
      <c r="B144" s="16"/>
      <c r="C144" s="16"/>
      <c r="D144" s="16"/>
      <c r="E144" s="16"/>
    </row>
    <row r="145" ht="20.100000000000001" customHeight="1" x14ac:dyDescent="0.2"/>
    <row r="146" ht="4.5" customHeight="1" x14ac:dyDescent="0.2"/>
    <row r="147" ht="20.100000000000001" customHeight="1" x14ac:dyDescent="0.2"/>
    <row r="148" ht="20.100000000000001" customHeight="1" x14ac:dyDescent="0.2"/>
    <row r="149" ht="20.100000000000001" customHeight="1" x14ac:dyDescent="0.2"/>
  </sheetData>
  <sheetProtection formatCells="0" formatColumns="0" formatRows="0" insertColumns="0" insertRows="0" insertHyperlinks="0" deleteColumns="0" deleteRows="0" selectLockedCells="1" sort="0" autoFilter="0" pivotTables="0"/>
  <mergeCells count="114">
    <mergeCell ref="E88:F88"/>
    <mergeCell ref="E89:F89"/>
    <mergeCell ref="E90:F90"/>
    <mergeCell ref="E91:F91"/>
    <mergeCell ref="E92:F92"/>
    <mergeCell ref="E93:F93"/>
    <mergeCell ref="E94:F94"/>
    <mergeCell ref="E97:F97"/>
    <mergeCell ref="E101:F101"/>
    <mergeCell ref="E65:F65"/>
    <mergeCell ref="E80:F80"/>
    <mergeCell ref="E81:F81"/>
    <mergeCell ref="E82:F82"/>
    <mergeCell ref="E83:F83"/>
    <mergeCell ref="E84:F84"/>
    <mergeCell ref="E85:F85"/>
    <mergeCell ref="E86:F86"/>
    <mergeCell ref="E87:F87"/>
    <mergeCell ref="A134:B134"/>
    <mergeCell ref="B107:F107"/>
    <mergeCell ref="B109:C110"/>
    <mergeCell ref="D109:F109"/>
    <mergeCell ref="E110:F110"/>
    <mergeCell ref="E129:F129"/>
    <mergeCell ref="E131:F131"/>
    <mergeCell ref="E132:F132"/>
    <mergeCell ref="B126:F126"/>
    <mergeCell ref="B116:F116"/>
    <mergeCell ref="C117:F117"/>
    <mergeCell ref="B119:E119"/>
    <mergeCell ref="B125:F125"/>
    <mergeCell ref="C120:D120"/>
    <mergeCell ref="C121:D121"/>
    <mergeCell ref="C122:D122"/>
    <mergeCell ref="C118:F118"/>
    <mergeCell ref="C123:D123"/>
    <mergeCell ref="E113:F113"/>
    <mergeCell ref="E114:F114"/>
    <mergeCell ref="E112:F112"/>
    <mergeCell ref="E111:F111"/>
    <mergeCell ref="C30:D30"/>
    <mergeCell ref="B24:F24"/>
    <mergeCell ref="C29:D29"/>
    <mergeCell ref="B36:F36"/>
    <mergeCell ref="B38:C39"/>
    <mergeCell ref="D38:F38"/>
    <mergeCell ref="E39:F39"/>
    <mergeCell ref="B32:C32"/>
    <mergeCell ref="B40:F40"/>
    <mergeCell ref="B2:F2"/>
    <mergeCell ref="B1:F1"/>
    <mergeCell ref="B25:C25"/>
    <mergeCell ref="B28:C28"/>
    <mergeCell ref="B18:D18"/>
    <mergeCell ref="B19:D19"/>
    <mergeCell ref="B20:F20"/>
    <mergeCell ref="B3:F3"/>
    <mergeCell ref="B7:F7"/>
    <mergeCell ref="B8:F8"/>
    <mergeCell ref="B9:F9"/>
    <mergeCell ref="B11:F11"/>
    <mergeCell ref="B14:C14"/>
    <mergeCell ref="B15:D15"/>
    <mergeCell ref="B21:F21"/>
    <mergeCell ref="B22:D22"/>
    <mergeCell ref="B12:C12"/>
    <mergeCell ref="B13:C13"/>
    <mergeCell ref="B23:F23"/>
    <mergeCell ref="E41:F41"/>
    <mergeCell ref="E42:F42"/>
    <mergeCell ref="E43:F43"/>
    <mergeCell ref="E44:F44"/>
    <mergeCell ref="E45:F45"/>
    <mergeCell ref="E46:F46"/>
    <mergeCell ref="E47:F47"/>
    <mergeCell ref="E52:F52"/>
    <mergeCell ref="E53:F53"/>
    <mergeCell ref="E48:F48"/>
    <mergeCell ref="E49:F49"/>
    <mergeCell ref="E50:F50"/>
    <mergeCell ref="E51:F51"/>
    <mergeCell ref="E54:F54"/>
    <mergeCell ref="E55:F55"/>
    <mergeCell ref="E56:F56"/>
    <mergeCell ref="E57:F57"/>
    <mergeCell ref="E58:F58"/>
    <mergeCell ref="E59:F59"/>
    <mergeCell ref="E77:F77"/>
    <mergeCell ref="E78:F78"/>
    <mergeCell ref="E79:F79"/>
    <mergeCell ref="E71:F71"/>
    <mergeCell ref="E72:F72"/>
    <mergeCell ref="E73:F73"/>
    <mergeCell ref="E74:F74"/>
    <mergeCell ref="E75:F75"/>
    <mergeCell ref="E76:F76"/>
    <mergeCell ref="E66:F66"/>
    <mergeCell ref="E67:F67"/>
    <mergeCell ref="E68:F68"/>
    <mergeCell ref="E69:F69"/>
    <mergeCell ref="E70:F70"/>
    <mergeCell ref="B61:F61"/>
    <mergeCell ref="B63:C64"/>
    <mergeCell ref="D63:F63"/>
    <mergeCell ref="E64:F64"/>
    <mergeCell ref="E102:F102"/>
    <mergeCell ref="E103:F103"/>
    <mergeCell ref="E104:F104"/>
    <mergeCell ref="E105:F105"/>
    <mergeCell ref="E100:F100"/>
    <mergeCell ref="E98:F98"/>
    <mergeCell ref="E99:F99"/>
    <mergeCell ref="E95:F95"/>
    <mergeCell ref="E96:F96"/>
  </mergeCells>
  <conditionalFormatting sqref="D65:D68 D70:D72 D75:D77 D81:D83">
    <cfRule type="containsBlanks" dxfId="36" priority="280">
      <formula>LEN(TRIM(D65))=0</formula>
    </cfRule>
  </conditionalFormatting>
  <conditionalFormatting sqref="E131:F131">
    <cfRule type="containsBlanks" dxfId="35" priority="279">
      <formula>LEN(TRIM(E131))=0</formula>
    </cfRule>
  </conditionalFormatting>
  <conditionalFormatting sqref="C129">
    <cfRule type="containsBlanks" dxfId="34" priority="277">
      <formula>LEN(TRIM(C129))=0</formula>
    </cfRule>
  </conditionalFormatting>
  <conditionalFormatting sqref="E132:F132">
    <cfRule type="containsBlanks" dxfId="33" priority="278">
      <formula>LEN(TRIM(E132))=0</formula>
    </cfRule>
  </conditionalFormatting>
  <conditionalFormatting sqref="C131">
    <cfRule type="containsBlanks" dxfId="32" priority="276">
      <formula>LEN(TRIM(C131))=0</formula>
    </cfRule>
  </conditionalFormatting>
  <conditionalFormatting sqref="C4:C5">
    <cfRule type="containsBlanks" dxfId="31" priority="275">
      <formula>LEN(TRIM(C4))=0</formula>
    </cfRule>
  </conditionalFormatting>
  <conditionalFormatting sqref="D111">
    <cfRule type="containsBlanks" dxfId="30" priority="269">
      <formula>LEN(TRIM(D111))=0</formula>
    </cfRule>
  </conditionalFormatting>
  <conditionalFormatting sqref="C122:D122">
    <cfRule type="containsBlanks" dxfId="29" priority="265">
      <formula>LEN(TRIM(C122))=0</formula>
    </cfRule>
  </conditionalFormatting>
  <conditionalFormatting sqref="C121:D121">
    <cfRule type="containsBlanks" dxfId="28" priority="216">
      <formula>LEN(TRIM(C121))=0</formula>
    </cfRule>
  </conditionalFormatting>
  <conditionalFormatting sqref="C120:D120">
    <cfRule type="containsBlanks" dxfId="27" priority="215">
      <formula>LEN(TRIM(C120))=0</formula>
    </cfRule>
  </conditionalFormatting>
  <conditionalFormatting sqref="C123:D123">
    <cfRule type="containsBlanks" dxfId="26" priority="214">
      <formula>LEN(TRIM(C123))=0</formula>
    </cfRule>
  </conditionalFormatting>
  <conditionalFormatting sqref="D112:D113">
    <cfRule type="containsBlanks" dxfId="25" priority="190">
      <formula>LEN(TRIM(D112))=0</formula>
    </cfRule>
  </conditionalFormatting>
  <conditionalFormatting sqref="D114">
    <cfRule type="containsBlanks" dxfId="24" priority="189">
      <formula>LEN(TRIM(D114))=0</formula>
    </cfRule>
  </conditionalFormatting>
  <conditionalFormatting sqref="D69">
    <cfRule type="containsBlanks" dxfId="23" priority="177">
      <formula>LEN(TRIM(D69))=0</formula>
    </cfRule>
  </conditionalFormatting>
  <conditionalFormatting sqref="D52">
    <cfRule type="containsBlanks" dxfId="22" priority="125">
      <formula>LEN(TRIM(D52))=0</formula>
    </cfRule>
  </conditionalFormatting>
  <conditionalFormatting sqref="D41">
    <cfRule type="containsBlanks" dxfId="21" priority="29">
      <formula>LEN(TRIM(D41))=0</formula>
    </cfRule>
  </conditionalFormatting>
  <conditionalFormatting sqref="D42:D43">
    <cfRule type="containsBlanks" dxfId="20" priority="28">
      <formula>LEN(TRIM(D42))=0</formula>
    </cfRule>
  </conditionalFormatting>
  <conditionalFormatting sqref="D44">
    <cfRule type="containsBlanks" dxfId="19" priority="27">
      <formula>LEN(TRIM(D44))=0</formula>
    </cfRule>
  </conditionalFormatting>
  <conditionalFormatting sqref="D45">
    <cfRule type="containsBlanks" dxfId="18" priority="26">
      <formula>LEN(TRIM(D45))=0</formula>
    </cfRule>
  </conditionalFormatting>
  <conditionalFormatting sqref="D46:D47">
    <cfRule type="containsBlanks" dxfId="17" priority="25">
      <formula>LEN(TRIM(D46))=0</formula>
    </cfRule>
  </conditionalFormatting>
  <conditionalFormatting sqref="D53">
    <cfRule type="containsBlanks" dxfId="16" priority="24">
      <formula>LEN(TRIM(D53))=0</formula>
    </cfRule>
  </conditionalFormatting>
  <conditionalFormatting sqref="D59">
    <cfRule type="containsBlanks" dxfId="15" priority="20">
      <formula>LEN(TRIM(D59))=0</formula>
    </cfRule>
  </conditionalFormatting>
  <conditionalFormatting sqref="D54">
    <cfRule type="containsBlanks" dxfId="14" priority="18">
      <formula>LEN(TRIM(D54))=0</formula>
    </cfRule>
  </conditionalFormatting>
  <conditionalFormatting sqref="D55">
    <cfRule type="containsBlanks" dxfId="13" priority="17">
      <formula>LEN(TRIM(D55))=0</formula>
    </cfRule>
  </conditionalFormatting>
  <conditionalFormatting sqref="D56">
    <cfRule type="containsBlanks" dxfId="12" priority="16">
      <formula>LEN(TRIM(D56))=0</formula>
    </cfRule>
  </conditionalFormatting>
  <conditionalFormatting sqref="D57:D58">
    <cfRule type="containsBlanks" dxfId="11" priority="15">
      <formula>LEN(TRIM(D57))=0</formula>
    </cfRule>
  </conditionalFormatting>
  <conditionalFormatting sqref="D73:D74">
    <cfRule type="containsBlanks" dxfId="10" priority="13">
      <formula>LEN(TRIM(D73))=0</formula>
    </cfRule>
  </conditionalFormatting>
  <conditionalFormatting sqref="D78:D80">
    <cfRule type="containsBlanks" dxfId="9" priority="11">
      <formula>LEN(TRIM(D78))=0</formula>
    </cfRule>
  </conditionalFormatting>
  <conditionalFormatting sqref="D84:D86">
    <cfRule type="containsBlanks" dxfId="8" priority="9">
      <formula>LEN(TRIM(D84))=0</formula>
    </cfRule>
  </conditionalFormatting>
  <conditionalFormatting sqref="D87:D89 D91:D93 D96:D98 D102:D104">
    <cfRule type="containsBlanks" dxfId="7" priority="8">
      <formula>LEN(TRIM(D87))=0</formula>
    </cfRule>
  </conditionalFormatting>
  <conditionalFormatting sqref="D90">
    <cfRule type="containsBlanks" dxfId="6" priority="7">
      <formula>LEN(TRIM(D90))=0</formula>
    </cfRule>
  </conditionalFormatting>
  <conditionalFormatting sqref="D94:D95">
    <cfRule type="containsBlanks" dxfId="5" priority="6">
      <formula>LEN(TRIM(D94))=0</formula>
    </cfRule>
  </conditionalFormatting>
  <conditionalFormatting sqref="D99:D101">
    <cfRule type="containsBlanks" dxfId="4" priority="5">
      <formula>LEN(TRIM(D99))=0</formula>
    </cfRule>
  </conditionalFormatting>
  <conditionalFormatting sqref="D105">
    <cfRule type="containsBlanks" dxfId="3" priority="4">
      <formula>LEN(TRIM(D105))=0</formula>
    </cfRule>
  </conditionalFormatting>
  <conditionalFormatting sqref="D48">
    <cfRule type="containsBlanks" dxfId="39" priority="3">
      <formula>LEN(TRIM(D48))=0</formula>
    </cfRule>
  </conditionalFormatting>
  <conditionalFormatting sqref="D49">
    <cfRule type="containsBlanks" dxfId="38" priority="2">
      <formula>LEN(TRIM(D49))=0</formula>
    </cfRule>
  </conditionalFormatting>
  <conditionalFormatting sqref="D50:D51">
    <cfRule type="containsBlanks" dxfId="37" priority="1">
      <formula>LEN(TRIM(D50))=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8T07:11:49Z</cp:lastPrinted>
  <dcterms:created xsi:type="dcterms:W3CDTF">2017-04-21T05:51:15Z</dcterms:created>
  <dcterms:modified xsi:type="dcterms:W3CDTF">2024-11-18T07:21:05Z</dcterms:modified>
</cp:coreProperties>
</file>